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8"/>
  </p:notesMasterIdLst>
  <p:sldIdLst>
    <p:sldId id="343" r:id="rId2"/>
    <p:sldId id="348" r:id="rId3"/>
    <p:sldId id="352" r:id="rId4"/>
    <p:sldId id="354" r:id="rId5"/>
    <p:sldId id="355" r:id="rId6"/>
    <p:sldId id="351" r:id="rId7"/>
  </p:sldIdLst>
  <p:sldSz cx="12192000" cy="6858000"/>
  <p:notesSz cx="6858000" cy="9144000"/>
  <p:custDataLst>
    <p:tags r:id="rId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166884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6509788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9932305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hyperlink" Target="javascript:window.open('/next_lesson/5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173228" y="1747034"/>
            <a:ext cx="8236253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arriers to Reporting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278159" y="3196259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can stop them from reporting?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55985" y="654355"/>
            <a:ext cx="3936015" cy="120273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299803" y="1274164"/>
            <a:ext cx="7300209" cy="4002374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re are several barriers to reporting, some that to the beneficiaries like: </a:t>
            </a:r>
            <a:endParaRPr lang="en-US" sz="2400" dirty="0" smtClean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igma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ham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ear of retaliation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ear of losing assistanc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ot knowing how to report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ack of trust in reporting mechanisms, etc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55985" y="654355"/>
            <a:ext cx="3936015" cy="120273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860140" y="2053651"/>
            <a:ext cx="6140268" cy="2458387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us, as aid workers we should always create a safe space for beneficiaries for them to be able to open up when they face any difficulty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55985" y="654355"/>
            <a:ext cx="3936015" cy="120273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734867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470394" y="1643296"/>
            <a:ext cx="6724884" cy="3571408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ut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re are some others that apply to aid workers too. When we talk about SEA, we are talking about a misconduct done by a any humanitarian worker.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o if you learn about a misconduct done by a colleague you still need to report to protect the victim and the organization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55985" y="654355"/>
            <a:ext cx="3936015" cy="120273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089329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590316" y="2691672"/>
            <a:ext cx="6859796" cy="1474656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lways refrain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rom talking to the perpetrator about it, this might increase the risks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55985" y="654355"/>
            <a:ext cx="3936015" cy="120273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004359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55985" y="654355"/>
            <a:ext cx="3936015" cy="120273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barriers_reporting"/>
  <p:tag name="ISPRING_PRESENTATION_TITLE" val="barriers_reporting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safeguarding\en\lessons\barriers_reporting"/>
  <p:tag name="ISPRING_RESOURCE_FOLDER" val="C:\Users\hp\Desktop\Projects\Nabad\Nabad\safeguarding\en\lessons\barriers_reporting"/>
  <p:tag name="ISPRING_PRESENTATION_PATH" val="C:\Users\hp\Desktop\Projects\Nabad\Nabad\safeguarding\en\lessons\barriers_reporting.pptx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55038A6-A3CD-4214-A16F-75D2DE3BAC5E}:355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E349A08-CF9B-45FE-921C-26EEFC844E35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CAABCA2-9629-450B-9001-6AB2913B662B}:35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11</TotalTime>
  <Words>131</Words>
  <Application>Microsoft Office PowerPoint</Application>
  <PresentationFormat>Widescreen</PresentationFormat>
  <Paragraphs>21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1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rriers_reporting</dc:title>
  <dc:creator>pc</dc:creator>
  <cp:lastModifiedBy>Maher</cp:lastModifiedBy>
  <cp:revision>770</cp:revision>
  <dcterms:created xsi:type="dcterms:W3CDTF">2022-11-16T16:05:09Z</dcterms:created>
  <dcterms:modified xsi:type="dcterms:W3CDTF">2024-09-23T12:54:36Z</dcterms:modified>
</cp:coreProperties>
</file>